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oordenvel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ECF242BA-7C03-1593-2E0A-9A27F69E38B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87735" y="4935984"/>
            <a:ext cx="2526890" cy="173850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8150C982-F108-777F-72A9-57C16ECFDB6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0936" y="4213021"/>
            <a:ext cx="1628589" cy="112046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marL="0" indent="0">
              <a:buNone/>
              <a:defRPr/>
            </a:pP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C4D7E8CB-B58B-A347-D4F3-9262F7EB699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5</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3</cp:revision>
  <dcterms:created xsi:type="dcterms:W3CDTF">2019-07-30T10:24:44Z</dcterms:created>
  <dcterms:modified xsi:type="dcterms:W3CDTF">2024-12-09T09:26:29Z</dcterms:modified>
</cp:coreProperties>
</file>